
<file path=[Content_Types].xml><?xml version="1.0" encoding="utf-8"?>
<Types xmlns="http://schemas.openxmlformats.org/package/2006/content-types">
  <Default Extension="bin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0"/>
  </p:notesMasterIdLst>
  <p:handoutMasterIdLst>
    <p:handoutMasterId r:id="rId11"/>
  </p:handoutMasterIdLst>
  <p:sldIdLst>
    <p:sldId id="259" r:id="rId9"/>
  </p:sldIdLst>
  <p:sldSz cx="42803763" cy="30275213"/>
  <p:notesSz cx="9144000" cy="6858000"/>
  <p:defaultTextStyle>
    <a:defPPr>
      <a:defRPr lang="en-US"/>
    </a:defPPr>
    <a:lvl1pPr marL="0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1pPr>
    <a:lvl2pPr marL="1753394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2pPr>
    <a:lvl3pPr marL="3506795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3pPr>
    <a:lvl4pPr marL="5260189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4pPr>
    <a:lvl5pPr marL="7013585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5pPr>
    <a:lvl6pPr marL="8766981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6pPr>
    <a:lvl7pPr marL="10520379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7pPr>
    <a:lvl8pPr marL="12273774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8pPr>
    <a:lvl9pPr marL="14027172" algn="l" defTabSz="3506795" rtl="0" eaLnBrk="1" latinLnBrk="0" hangingPunct="1">
      <a:defRPr sz="6903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66"/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00" autoAdjust="0"/>
    <p:restoredTop sz="96327" autoAdjust="0"/>
  </p:normalViewPr>
  <p:slideViewPr>
    <p:cSldViewPr snapToGrid="0" showGuides="1">
      <p:cViewPr>
        <p:scale>
          <a:sx n="70" d="100"/>
          <a:sy n="70" d="100"/>
        </p:scale>
        <p:origin x="-8648" y="-142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tableStyles" Target="tableStyles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5179484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5179484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1/11/2025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914400" y="3300412"/>
            <a:ext cx="7315200" cy="2700338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5179484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1/11/2025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5179484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6513910"/>
            <a:ext cx="3962400" cy="34409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2935288" y="857250"/>
            <a:ext cx="3273425" cy="23145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962400" cy="34409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1pPr>
    <a:lvl2pPr marL="1753394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2pPr>
    <a:lvl3pPr marL="3506795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3pPr>
    <a:lvl4pPr marL="5260189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4pPr>
    <a:lvl5pPr marL="7013585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5pPr>
    <a:lvl6pPr marL="8766981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6pPr>
    <a:lvl7pPr marL="10520379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7pPr>
    <a:lvl8pPr marL="12273774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8pPr>
    <a:lvl9pPr marL="14027172" algn="l" defTabSz="3506795" rtl="0" eaLnBrk="1" latinLnBrk="0" hangingPunct="1">
      <a:defRPr sz="4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Relationship Id="rId9" Type="http://schemas.openxmlformats.org/officeDocument/2006/relationships/image" Target="../media/image10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0038" y="3944133"/>
            <a:ext cx="37156487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7305" y="7158434"/>
            <a:ext cx="37092073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57306" y="8133942"/>
            <a:ext cx="37109226" cy="252516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4" y="11498251"/>
            <a:ext cx="23990487" cy="5622545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8811691"/>
            <a:ext cx="10871756" cy="1057394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8811691"/>
            <a:ext cx="10871756" cy="1057394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2433" y="18811691"/>
            <a:ext cx="10874090" cy="1057394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1498252"/>
            <a:ext cx="10871756" cy="625447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7307" y="17325463"/>
            <a:ext cx="23990491" cy="570414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7240" userDrawn="1">
          <p15:clr>
            <a:srgbClr val="FBAE40"/>
          </p15:clr>
        </p15:guide>
        <p15:guide id="2" orient="horz" pos="11849" userDrawn="1">
          <p15:clr>
            <a:srgbClr val="FBAE40"/>
          </p15:clr>
        </p15:guide>
        <p15:guide id="3" orient="horz" pos="435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8" y="3944133"/>
            <a:ext cx="37199737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7158434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8133942"/>
            <a:ext cx="37143959" cy="252516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4" y="11758013"/>
            <a:ext cx="23990487" cy="8978342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22750595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22750595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4768" y="11758013"/>
            <a:ext cx="10871756" cy="8978342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22750595"/>
            <a:ext cx="10871756" cy="66606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4894" y="20941023"/>
            <a:ext cx="23990487" cy="570414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774681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7403" userDrawn="1">
          <p15:clr>
            <a:srgbClr val="FBAE40"/>
          </p15:clr>
        </p15:guide>
        <p15:guide id="2" orient="horz" pos="13060" userDrawn="1">
          <p15:clr>
            <a:srgbClr val="FBAE40"/>
          </p15:clr>
        </p15:guide>
        <p15:guide id="3" orient="horz" pos="1433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944133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7158434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8133942"/>
            <a:ext cx="37143959" cy="252516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4" y="19688914"/>
            <a:ext cx="23990487" cy="8978342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3" name="Picture Placeholder 5">
            <a:extLst>
              <a:ext uri="{FF2B5EF4-FFF2-40B4-BE49-F238E27FC236}">
                <a16:creationId xmlns:a16="http://schemas.microsoft.com/office/drawing/2014/main" id="{08EE184A-E84E-4C7B-B48C-29BF3179A827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27994775" y="19688914"/>
            <a:ext cx="10871750" cy="8978342"/>
          </a:xfrm>
          <a:noFill/>
        </p:spPr>
        <p:txBody>
          <a:bodyPr/>
          <a:lstStyle>
            <a:lvl1pPr algn="ctr"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2053788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2053788"/>
            <a:ext cx="10871756" cy="6660651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2053788"/>
            <a:ext cx="10871756" cy="66606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4894" y="28871924"/>
            <a:ext cx="23990487" cy="570414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5" name="Text Placeholder 39">
            <a:extLst>
              <a:ext uri="{FF2B5EF4-FFF2-40B4-BE49-F238E27FC236}">
                <a16:creationId xmlns:a16="http://schemas.microsoft.com/office/drawing/2014/main" id="{BF017272-B7AD-4E47-9DFE-885A6D12FA0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27994775" y="28871927"/>
            <a:ext cx="10871750" cy="577903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 sz="1425"/>
            </a:lvl3pPr>
            <a:lvl4pPr>
              <a:spcAft>
                <a:spcPts val="0"/>
              </a:spcAft>
              <a:defRPr sz="1425"/>
            </a:lvl4pPr>
            <a:lvl5pPr>
              <a:spcAft>
                <a:spcPts val="0"/>
              </a:spcAft>
              <a:defRPr sz="1425"/>
            </a:lvl5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78279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7592" userDrawn="1">
          <p15:clr>
            <a:srgbClr val="FBAE40"/>
          </p15:clr>
        </p15:guide>
        <p15:guide id="2" orient="horz" pos="12400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A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hidden="1">
            <a:extLst>
              <a:ext uri="{FF2B5EF4-FFF2-40B4-BE49-F238E27FC236}">
                <a16:creationId xmlns:a16="http://schemas.microsoft.com/office/drawing/2014/main" id="{2768CFE1-1FE9-4959-A383-DACF3849AD0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222" y="3"/>
            <a:ext cx="42675323" cy="30275213"/>
          </a:xfrm>
          <a:prstGeom prst="rect">
            <a:avLst/>
          </a:prstGeom>
        </p:spPr>
      </p:pic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618631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6655528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7631032"/>
            <a:ext cx="37143959" cy="316560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3" y="11254123"/>
            <a:ext cx="10871754" cy="4930540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AF7371C5-7F0A-434A-A2A8-B68F573D274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4876034" y="11254123"/>
            <a:ext cx="10871750" cy="4930540"/>
          </a:xfrm>
          <a:noFill/>
        </p:spPr>
        <p:txBody>
          <a:bodyPr/>
          <a:lstStyle>
            <a:lvl1pPr algn="ctr">
              <a:defRPr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8031776"/>
            <a:ext cx="10871756" cy="9025323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8031776"/>
            <a:ext cx="10871756" cy="9025323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4768" y="18031776"/>
            <a:ext cx="10871756" cy="9025323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1254123"/>
            <a:ext cx="10871756" cy="58355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4892" y="16398191"/>
            <a:ext cx="10879752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3" name="Text Placeholder 39">
            <a:extLst>
              <a:ext uri="{FF2B5EF4-FFF2-40B4-BE49-F238E27FC236}">
                <a16:creationId xmlns:a16="http://schemas.microsoft.com/office/drawing/2014/main" id="{FF11E692-9ADC-4AEE-966C-1A32B9F9239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14876034" y="16398191"/>
            <a:ext cx="10871750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 sz="1425"/>
            </a:lvl3pPr>
            <a:lvl4pPr>
              <a:spcAft>
                <a:spcPts val="0"/>
              </a:spcAft>
              <a:defRPr sz="1425"/>
            </a:lvl4pPr>
            <a:lvl5pPr>
              <a:spcAft>
                <a:spcPts val="0"/>
              </a:spcAft>
              <a:defRPr sz="1425"/>
            </a:lvl5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9" name="Text Placeholder 44">
            <a:extLst>
              <a:ext uri="{FF2B5EF4-FFF2-40B4-BE49-F238E27FC236}">
                <a16:creationId xmlns:a16="http://schemas.microsoft.com/office/drawing/2014/main" id="{7337BDB8-5F52-4C2B-A5AF-E456B664E89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759112" y="27745454"/>
            <a:ext cx="10869946" cy="253740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1425"/>
            </a:lvl1pPr>
            <a:lvl2pPr>
              <a:buNone/>
              <a:defRPr sz="1425"/>
            </a:lvl2pPr>
            <a:lvl3pPr>
              <a:defRPr sz="1425"/>
            </a:lvl3pPr>
            <a:lvl4pPr>
              <a:defRPr sz="1425"/>
            </a:lvl4pPr>
            <a:lvl5pPr>
              <a:defRPr sz="1425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5F1D8CEF-D0FB-45D4-B635-3375C6CA6CF1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1710037" y="28581604"/>
            <a:ext cx="4292079" cy="829641"/>
          </a:xfrm>
        </p:spPr>
        <p:txBody>
          <a:bodyPr wrap="none" tIns="792000"/>
          <a:lstStyle>
            <a:lvl1pPr marL="0" marR="0" indent="0" algn="l" defTabSz="1086167" rtl="0" eaLnBrk="1" fontAlgn="auto" latinLnBrk="0" hangingPunct="1">
              <a:lnSpc>
                <a:spcPct val="110000"/>
              </a:lnSpc>
              <a:spcBef>
                <a:spcPts val="1425"/>
              </a:spcBef>
              <a:spcAft>
                <a:spcPts val="713"/>
              </a:spcAft>
              <a:buClrTx/>
              <a:buSzTx/>
              <a:buFont typeface="Arial" panose="020B0604020202020204" pitchFamily="34" charset="0"/>
              <a:buChar char="​"/>
              <a:tabLst/>
              <a:defRPr sz="1425"/>
            </a:lvl1pPr>
          </a:lstStyle>
          <a:p>
            <a:pPr marL="0" marR="0" lvl="0" indent="0" algn="l" defTabSz="1086167" rtl="0" eaLnBrk="1" fontAlgn="auto" latinLnBrk="0" hangingPunct="1">
              <a:lnSpc>
                <a:spcPct val="110000"/>
              </a:lnSpc>
              <a:spcBef>
                <a:spcPts val="1425"/>
              </a:spcBef>
              <a:spcAft>
                <a:spcPts val="713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da-DK" dirty="0"/>
              <a:t>Indsæt logoer: Vælg pladsholderen, indsæt logo via Templafy/Billeder</a:t>
            </a:r>
          </a:p>
          <a:p>
            <a:pPr lvl="0"/>
            <a:endParaRPr lang="da-DK" dirty="0"/>
          </a:p>
        </p:txBody>
      </p:sp>
      <p:sp>
        <p:nvSpPr>
          <p:cNvPr id="27" name="Content Placeholder 7">
            <a:extLst>
              <a:ext uri="{FF2B5EF4-FFF2-40B4-BE49-F238E27FC236}">
                <a16:creationId xmlns:a16="http://schemas.microsoft.com/office/drawing/2014/main" id="{4FFE6906-879E-4F81-8A51-B796EA23D70C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6602329" y="28577790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 dirty="0"/>
              <a:t>Indsæt logo</a:t>
            </a:r>
          </a:p>
        </p:txBody>
      </p:sp>
      <p:sp>
        <p:nvSpPr>
          <p:cNvPr id="30" name="Content Placeholder 7">
            <a:extLst>
              <a:ext uri="{FF2B5EF4-FFF2-40B4-BE49-F238E27FC236}">
                <a16:creationId xmlns:a16="http://schemas.microsoft.com/office/drawing/2014/main" id="{A05CAE3A-BC6D-406C-8AD0-547351F0DFD9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11494617" y="28581604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73830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43" userDrawn="1">
          <p15:clr>
            <a:srgbClr val="FBAE40"/>
          </p15:clr>
        </p15:guide>
        <p15:guide id="2" orient="horz" pos="11354" userDrawn="1">
          <p15:clr>
            <a:srgbClr val="FBAE40"/>
          </p15:clr>
        </p15:guide>
        <p15:guide id="3" orient="horz" pos="7086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B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984224DA-609D-4327-B612-98F80E4EB116}"/>
              </a:ext>
            </a:extLst>
          </p:cNvPr>
          <p:cNvCxnSpPr>
            <a:cxnSpLocks/>
          </p:cNvCxnSpPr>
          <p:nvPr userDrawn="1"/>
        </p:nvCxnSpPr>
        <p:spPr>
          <a:xfrm>
            <a:off x="1757303" y="27616907"/>
            <a:ext cx="1662655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618631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6655528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7631032"/>
            <a:ext cx="37143959" cy="3165601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9" y="11219397"/>
            <a:ext cx="23988673" cy="7116627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20173534"/>
            <a:ext cx="10871756" cy="6883562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20173534"/>
            <a:ext cx="10871756" cy="6883562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4C15730-CFBE-42F4-8C2E-F8603623570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994768" y="11148214"/>
            <a:ext cx="10871756" cy="7187810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20173536"/>
            <a:ext cx="10871756" cy="688356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9114" y="18549551"/>
            <a:ext cx="23988677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9" name="Text Placeholder 44">
            <a:extLst>
              <a:ext uri="{FF2B5EF4-FFF2-40B4-BE49-F238E27FC236}">
                <a16:creationId xmlns:a16="http://schemas.microsoft.com/office/drawing/2014/main" id="{7337BDB8-5F52-4C2B-A5AF-E456B664E89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759112" y="27745454"/>
            <a:ext cx="10869946" cy="253740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1425"/>
            </a:lvl1pPr>
            <a:lvl2pPr>
              <a:buNone/>
              <a:defRPr sz="1425"/>
            </a:lvl2pPr>
            <a:lvl3pPr>
              <a:defRPr sz="1425"/>
            </a:lvl3pPr>
            <a:lvl4pPr>
              <a:defRPr sz="1425"/>
            </a:lvl4pPr>
            <a:lvl5pPr>
              <a:defRPr sz="1425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Content Placeholder 7">
            <a:extLst>
              <a:ext uri="{FF2B5EF4-FFF2-40B4-BE49-F238E27FC236}">
                <a16:creationId xmlns:a16="http://schemas.microsoft.com/office/drawing/2014/main" id="{028AC705-3D40-4618-8EEE-264CAE46F175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1710037" y="28581604"/>
            <a:ext cx="4292079" cy="829641"/>
          </a:xfrm>
        </p:spPr>
        <p:txBody>
          <a:bodyPr wrap="none" tIns="792000"/>
          <a:lstStyle>
            <a:lvl1pPr>
              <a:defRPr sz="1425"/>
            </a:lvl1pPr>
          </a:lstStyle>
          <a:p>
            <a:pPr lvl="0"/>
            <a:r>
              <a:rPr lang="da-DK" dirty="0"/>
              <a:t>Indsæt logoer: Vælg pladsholderen, indsæt logo via Templafy/Billeder</a:t>
            </a:r>
          </a:p>
        </p:txBody>
      </p:sp>
      <p:sp>
        <p:nvSpPr>
          <p:cNvPr id="18" name="Content Placeholder 7">
            <a:extLst>
              <a:ext uri="{FF2B5EF4-FFF2-40B4-BE49-F238E27FC236}">
                <a16:creationId xmlns:a16="http://schemas.microsoft.com/office/drawing/2014/main" id="{F81148F3-2B5A-42B9-BC29-3C7FCDC05ED2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6602329" y="28577790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  <p:sp>
        <p:nvSpPr>
          <p:cNvPr id="19" name="Content Placeholder 7">
            <a:extLst>
              <a:ext uri="{FF2B5EF4-FFF2-40B4-BE49-F238E27FC236}">
                <a16:creationId xmlns:a16="http://schemas.microsoft.com/office/drawing/2014/main" id="{1FD6E152-4683-44BF-A4BF-F59EB6F19425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11494617" y="28581604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840374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43" userDrawn="1">
          <p15:clr>
            <a:srgbClr val="FBAE40"/>
          </p15:clr>
        </p15:guide>
        <p15:guide id="2" orient="horz" pos="7067" userDrawn="1">
          <p15:clr>
            <a:srgbClr val="FBAE40"/>
          </p15:clr>
        </p15:guide>
        <p15:guide id="3" orient="horz" pos="12706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 C + partn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hidden="1">
            <a:extLst>
              <a:ext uri="{FF2B5EF4-FFF2-40B4-BE49-F238E27FC236}">
                <a16:creationId xmlns:a16="http://schemas.microsoft.com/office/drawing/2014/main" id="{2768CFE1-1FE9-4959-A383-DACF3849AD0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222" y="3"/>
            <a:ext cx="42675323" cy="30275213"/>
          </a:xfrm>
          <a:prstGeom prst="rect">
            <a:avLst/>
          </a:prstGeom>
        </p:spPr>
      </p:pic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984224DA-609D-4327-B612-98F80E4EB116}"/>
              </a:ext>
            </a:extLst>
          </p:cNvPr>
          <p:cNvCxnSpPr>
            <a:cxnSpLocks/>
          </p:cNvCxnSpPr>
          <p:nvPr userDrawn="1"/>
        </p:nvCxnSpPr>
        <p:spPr>
          <a:xfrm>
            <a:off x="1757303" y="27616907"/>
            <a:ext cx="1662655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itle 11">
            <a:extLst>
              <a:ext uri="{FF2B5EF4-FFF2-40B4-BE49-F238E27FC236}">
                <a16:creationId xmlns:a16="http://schemas.microsoft.com/office/drawing/2014/main" id="{42B3821F-659C-4949-B01D-BDA68F48030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2087" y="3618631"/>
            <a:ext cx="37154438" cy="2525161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Projektets tit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7F6D6CD-D673-4B7F-AAE4-63220F65D2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59115" y="6655528"/>
            <a:ext cx="37090259" cy="885938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15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63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4pPr>
            <a:lvl5pPr marL="0" indent="0">
              <a:lnSpc>
                <a:spcPct val="100000"/>
              </a:lnSpc>
              <a:spcAft>
                <a:spcPts val="0"/>
              </a:spcAft>
              <a:buNone/>
              <a:defRPr sz="1663"/>
            </a:lvl5pPr>
          </a:lstStyle>
          <a:p>
            <a:pPr lvl="0"/>
            <a:r>
              <a:rPr lang="da-DK" dirty="0"/>
              <a:t>Forfatter(e)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722570" y="7631034"/>
            <a:ext cx="37143959" cy="2608430"/>
          </a:xfrm>
        </p:spPr>
        <p:txBody>
          <a:bodyPr/>
          <a:lstStyle>
            <a:lvl1pPr marL="0" indent="0" algn="l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829" b="0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376"/>
            </a:lvl2pPr>
            <a:lvl3pPr marL="0" indent="0" algn="l">
              <a:buFont typeface="Arial" panose="020B0604020202020204" pitchFamily="34" charset="0"/>
              <a:buChar char="​"/>
              <a:defRPr sz="2376"/>
            </a:lvl3pPr>
            <a:lvl4pPr marL="0" indent="0" algn="l">
              <a:buFont typeface="Arial" panose="020B0604020202020204" pitchFamily="34" charset="0"/>
              <a:buChar char="​"/>
              <a:defRPr sz="2376"/>
            </a:lvl4pPr>
            <a:lvl5pPr marL="0" indent="0" algn="l">
              <a:buFont typeface="Arial" panose="020B0604020202020204" pitchFamily="34" charset="0"/>
              <a:buChar char="​"/>
              <a:defRPr sz="2376"/>
            </a:lvl5pPr>
            <a:lvl6pPr marL="0" indent="0" algn="l">
              <a:buFont typeface="Arial" panose="020B0604020202020204" pitchFamily="34" charset="0"/>
              <a:buChar char="​"/>
              <a:defRPr sz="2376"/>
            </a:lvl6pPr>
            <a:lvl7pPr marL="0" indent="0" algn="l">
              <a:buFont typeface="Arial" panose="020B0604020202020204" pitchFamily="34" charset="0"/>
              <a:buChar char="​"/>
              <a:defRPr sz="2376"/>
            </a:lvl7pPr>
            <a:lvl8pPr marL="0" indent="0" algn="l">
              <a:buFont typeface="Arial" panose="020B0604020202020204" pitchFamily="34" charset="0"/>
              <a:buChar char="​"/>
              <a:defRPr sz="2376"/>
            </a:lvl8pPr>
            <a:lvl9pPr marL="0" indent="0" algn="l">
              <a:buFont typeface="Arial" panose="020B0604020202020204" pitchFamily="34" charset="0"/>
              <a:buChar char="​"/>
              <a:defRPr sz="2376"/>
            </a:lvl9pPr>
          </a:lstStyle>
          <a:p>
            <a:r>
              <a:rPr lang="da-DK" dirty="0"/>
              <a:t>Indledning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334A2C2E-0EDE-47A6-AC95-D893E937BC7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757307" y="18059530"/>
            <a:ext cx="23990484" cy="8005374"/>
          </a:xfrm>
          <a:noFill/>
        </p:spPr>
        <p:txBody>
          <a:bodyPr/>
          <a:lstStyle>
            <a:lvl1pPr marL="0" indent="0" algn="ctr">
              <a:buNone/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AF7371C5-7F0A-434A-A2A8-B68F573D274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27994775" y="18059530"/>
            <a:ext cx="10871750" cy="8005374"/>
          </a:xfrm>
          <a:noFill/>
        </p:spPr>
        <p:txBody>
          <a:bodyPr/>
          <a:lstStyle>
            <a:lvl1pPr algn="ctr">
              <a:defRPr b="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A616C494-2704-4375-BCF7-0037FC2B525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757305" y="10706735"/>
            <a:ext cx="10871756" cy="657725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86CCE139-F711-4616-A047-E2CE4A26969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4876039" y="10706735"/>
            <a:ext cx="10871756" cy="657725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79F26FDA-60C9-4114-B133-79D6F25D22AA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27994768" y="10706735"/>
            <a:ext cx="10871756" cy="657725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FD9DB43-EA6E-4E55-8CF0-8D9937651E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759114" y="26278431"/>
            <a:ext cx="23988677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/>
            </a:lvl3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3" name="Text Placeholder 39">
            <a:extLst>
              <a:ext uri="{FF2B5EF4-FFF2-40B4-BE49-F238E27FC236}">
                <a16:creationId xmlns:a16="http://schemas.microsoft.com/office/drawing/2014/main" id="{FF11E692-9ADC-4AEE-966C-1A32B9F9239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27994775" y="26278431"/>
            <a:ext cx="10871750" cy="691487"/>
          </a:xfrm>
        </p:spPr>
        <p:txBody>
          <a:bodyPr/>
          <a:lstStyle>
            <a:lvl1pPr>
              <a:spcAft>
                <a:spcPts val="0"/>
              </a:spcAft>
              <a:defRPr sz="1544" b="0"/>
            </a:lvl1pPr>
            <a:lvl2pPr>
              <a:spcAft>
                <a:spcPts val="0"/>
              </a:spcAft>
              <a:defRPr sz="1544"/>
            </a:lvl2pPr>
            <a:lvl3pPr marL="0" indent="0">
              <a:spcAft>
                <a:spcPts val="0"/>
              </a:spcAft>
              <a:buNone/>
              <a:defRPr sz="1425"/>
            </a:lvl3pPr>
            <a:lvl4pPr>
              <a:spcAft>
                <a:spcPts val="0"/>
              </a:spcAft>
              <a:defRPr sz="1425"/>
            </a:lvl4pPr>
            <a:lvl5pPr>
              <a:spcAft>
                <a:spcPts val="0"/>
              </a:spcAft>
              <a:defRPr sz="1425"/>
            </a:lvl5pPr>
          </a:lstStyle>
          <a:p>
            <a:pPr lvl="0"/>
            <a:r>
              <a:rPr lang="da-DK" dirty="0"/>
              <a:t>Billedtekst</a:t>
            </a:r>
          </a:p>
        </p:txBody>
      </p:sp>
      <p:sp>
        <p:nvSpPr>
          <p:cNvPr id="29" name="Text Placeholder 44">
            <a:extLst>
              <a:ext uri="{FF2B5EF4-FFF2-40B4-BE49-F238E27FC236}">
                <a16:creationId xmlns:a16="http://schemas.microsoft.com/office/drawing/2014/main" id="{7337BDB8-5F52-4C2B-A5AF-E456B664E89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759112" y="27745454"/>
            <a:ext cx="10869946" cy="253740"/>
          </a:xfrm>
        </p:spPr>
        <p:txBody>
          <a:bodyPr/>
          <a:lstStyle>
            <a:lvl1pPr>
              <a:lnSpc>
                <a:spcPct val="100000"/>
              </a:lnSpc>
              <a:spcAft>
                <a:spcPts val="0"/>
              </a:spcAft>
              <a:defRPr sz="1425"/>
            </a:lvl1pPr>
            <a:lvl2pPr>
              <a:buNone/>
              <a:defRPr sz="1425"/>
            </a:lvl2pPr>
            <a:lvl3pPr>
              <a:defRPr sz="1425"/>
            </a:lvl3pPr>
            <a:lvl4pPr>
              <a:defRPr sz="1425"/>
            </a:lvl4pPr>
            <a:lvl5pPr>
              <a:defRPr sz="1425"/>
            </a:lvl5pPr>
          </a:lstStyle>
          <a:p>
            <a:pPr lvl="0"/>
            <a:r>
              <a:rPr lang="da-DK" dirty="0"/>
              <a:t>Samarbejdspartnere</a:t>
            </a:r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15EC9D44-9BE8-4FF8-9FE5-0FD5476FB5B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9EACA034-BA0F-49F2-8CC5-BAB40E1499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5FB0129F-99E8-41D8-B9F8-7ADDB0C51C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9" name="Content Placeholder 7">
            <a:extLst>
              <a:ext uri="{FF2B5EF4-FFF2-40B4-BE49-F238E27FC236}">
                <a16:creationId xmlns:a16="http://schemas.microsoft.com/office/drawing/2014/main" id="{178DC7DA-645B-4C84-8EFF-1093247F80AD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1710037" y="28581604"/>
            <a:ext cx="4292079" cy="829641"/>
          </a:xfrm>
        </p:spPr>
        <p:txBody>
          <a:bodyPr wrap="none" tIns="792000"/>
          <a:lstStyle>
            <a:lvl1pPr>
              <a:defRPr sz="1425"/>
            </a:lvl1pPr>
          </a:lstStyle>
          <a:p>
            <a:pPr lvl="0"/>
            <a:r>
              <a:rPr lang="da-DK" dirty="0"/>
              <a:t>Indsæt logoer: Vælg pladsholderen, indsæt logo via Templafy/Billeder</a:t>
            </a:r>
          </a:p>
        </p:txBody>
      </p:sp>
      <p:sp>
        <p:nvSpPr>
          <p:cNvPr id="27" name="Content Placeholder 7">
            <a:extLst>
              <a:ext uri="{FF2B5EF4-FFF2-40B4-BE49-F238E27FC236}">
                <a16:creationId xmlns:a16="http://schemas.microsoft.com/office/drawing/2014/main" id="{742795BD-7306-4C33-B166-CEF64E4501CD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6602329" y="28577790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  <p:sp>
        <p:nvSpPr>
          <p:cNvPr id="28" name="Content Placeholder 7">
            <a:extLst>
              <a:ext uri="{FF2B5EF4-FFF2-40B4-BE49-F238E27FC236}">
                <a16:creationId xmlns:a16="http://schemas.microsoft.com/office/drawing/2014/main" id="{73C4409A-F7A2-4671-B771-920CA3EA69E9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11494617" y="28581604"/>
            <a:ext cx="4292079" cy="829641"/>
          </a:xfrm>
        </p:spPr>
        <p:txBody>
          <a:bodyPr wrap="none" tIns="0" bIns="1224000"/>
          <a:lstStyle>
            <a:lvl1pPr>
              <a:defRPr sz="1425"/>
            </a:lvl1pPr>
          </a:lstStyle>
          <a:p>
            <a:pPr lvl="0"/>
            <a:r>
              <a:rPr lang="da-DK"/>
              <a:t>Indsæt logo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638161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43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Box 2">
            <a:extLst>
              <a:ext uri="{FF2B5EF4-FFF2-40B4-BE49-F238E27FC236}">
                <a16:creationId xmlns:a16="http://schemas.microsoft.com/office/drawing/2014/main" id="{D8C6ED76-B595-47E9-A56A-9FE4FE8C10B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4873163" y="4859599"/>
            <a:ext cx="10455712" cy="1058315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425"/>
              </a:spcBef>
              <a:spcAft>
                <a:spcPts val="713"/>
              </a:spcAft>
              <a:defRPr/>
            </a:pPr>
            <a:r>
              <a:rPr lang="da-DK" sz="2376" b="1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Insert</a:t>
            </a: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a New Slide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me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endParaRPr lang="da-DK" altLang="da-DK" sz="2376" b="0" strike="sngStrike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ew Slide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</a:t>
            </a:r>
            <a:b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new slide</a:t>
            </a:r>
          </a:p>
          <a:p>
            <a:pPr eaLnBrk="1" hangingPunct="1">
              <a:spcAft>
                <a:spcPts val="713"/>
              </a:spcAft>
              <a:defRPr/>
            </a:pPr>
            <a:b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hange Slide Layout</a:t>
            </a:r>
            <a:endParaRPr lang="da-DK" altLang="da-DK" sz="2376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spcAft>
                <a:spcPts val="713"/>
              </a:spcAft>
              <a:buFont typeface="+mj-lt"/>
              <a:buNone/>
            </a:pP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1.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lick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on the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arrow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next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b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to </a:t>
            </a: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Layout 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to view a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dropdown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b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</a:b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menu of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possible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slide layouts</a:t>
            </a:r>
            <a:endParaRPr lang="da-DK" sz="2376" dirty="0">
              <a:latin typeface="Times New Roman" panose="02020603050405020304" pitchFamily="18" charset="0"/>
              <a:ea typeface="Times New Roman" panose="02020603050405020304" pitchFamily="18" charset="0"/>
            </a:endParaRPr>
          </a:p>
          <a:p>
            <a:pPr marL="0" indent="0">
              <a:spcAft>
                <a:spcPts val="713"/>
              </a:spcAft>
              <a:buFont typeface="+mj-lt"/>
              <a:buNone/>
            </a:pPr>
            <a:r>
              <a:rPr lang="da-DK" sz="2376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2.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lick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on the layout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you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prefer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and it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will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be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r>
              <a:rPr lang="da-DK" sz="2376" dirty="0" err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applied</a:t>
            </a:r>
            <a:r>
              <a:rPr lang="da-DK" sz="2376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 to the new sli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da-DK" sz="2376" dirty="0">
              <a:solidFill>
                <a:srgbClr val="000000"/>
              </a:solidFill>
              <a:latin typeface="Arial" panose="020B0604020202020204" pitchFamily="34" charset="0"/>
              <a:ea typeface="Times New Roman" panose="02020603050405020304" pitchFamily="18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n slides with picture placeholder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icon and choos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Aft>
                <a:spcPts val="713"/>
              </a:spcAft>
              <a:defRPr/>
            </a:pPr>
            <a:endParaRPr lang="da-DK" alt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ang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rop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change size o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want to scale the picture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 down while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ragging the corners of the picture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delete the picture and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a new one, the picture may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e in front of the text or graphic.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this happens, select the picture,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ight-click and choos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end to Back</a:t>
            </a:r>
          </a:p>
        </p:txBody>
      </p:sp>
      <p:pic>
        <p:nvPicPr>
          <p:cNvPr id="20" name="2 New picture">
            <a:extLst>
              <a:ext uri="{FF2B5EF4-FFF2-40B4-BE49-F238E27FC236}">
                <a16:creationId xmlns:a16="http://schemas.microsoft.com/office/drawing/2014/main" id="{C53F77E5-123B-460E-91D2-C8AEAECF489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3722345" y="5401199"/>
            <a:ext cx="1440579" cy="1295892"/>
          </a:xfrm>
          <a:prstGeom prst="rect">
            <a:avLst/>
          </a:prstGeom>
        </p:spPr>
      </p:pic>
      <p:pic>
        <p:nvPicPr>
          <p:cNvPr id="22" name="3 Layout">
            <a:extLst>
              <a:ext uri="{FF2B5EF4-FFF2-40B4-BE49-F238E27FC236}">
                <a16:creationId xmlns:a16="http://schemas.microsoft.com/office/drawing/2014/main" id="{ACE32B27-F31C-4144-8F79-E9A69BBE6E7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3722345" y="7893492"/>
            <a:ext cx="2581940" cy="422566"/>
          </a:xfrm>
          <a:prstGeom prst="rect">
            <a:avLst/>
          </a:prstGeom>
        </p:spPr>
      </p:pic>
      <p:pic>
        <p:nvPicPr>
          <p:cNvPr id="24" name="4 Reset">
            <a:extLst>
              <a:ext uri="{FF2B5EF4-FFF2-40B4-BE49-F238E27FC236}">
                <a16:creationId xmlns:a16="http://schemas.microsoft.com/office/drawing/2014/main" id="{7AAEFEBB-1405-43C0-AC5C-E334DD3AB93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638585" y="5280808"/>
            <a:ext cx="2307290" cy="474421"/>
          </a:xfrm>
          <a:prstGeom prst="rect">
            <a:avLst/>
          </a:prstGeom>
        </p:spPr>
      </p:pic>
      <p:pic>
        <p:nvPicPr>
          <p:cNvPr id="26" name="5 Insert picture">
            <a:extLst>
              <a:ext uri="{FF2B5EF4-FFF2-40B4-BE49-F238E27FC236}">
                <a16:creationId xmlns:a16="http://schemas.microsoft.com/office/drawing/2014/main" id="{7C5B03AD-1D3A-4F2A-8D89-8DC5129BFFA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4845430" y="10223167"/>
            <a:ext cx="856287" cy="422564"/>
          </a:xfrm>
          <a:prstGeom prst="rect">
            <a:avLst/>
          </a:prstGeom>
        </p:spPr>
      </p:pic>
      <p:pic>
        <p:nvPicPr>
          <p:cNvPr id="27" name="6 Crop">
            <a:extLst>
              <a:ext uri="{FF2B5EF4-FFF2-40B4-BE49-F238E27FC236}">
                <a16:creationId xmlns:a16="http://schemas.microsoft.com/office/drawing/2014/main" id="{F5D75245-3C79-4190-91FD-5ACA0AD878C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4769974" y="11820725"/>
            <a:ext cx="1119968" cy="539528"/>
          </a:xfrm>
          <a:prstGeom prst="rect">
            <a:avLst/>
          </a:prstGeom>
        </p:spPr>
      </p:pic>
      <p:pic>
        <p:nvPicPr>
          <p:cNvPr id="30" name="7 Scale picture">
            <a:extLst>
              <a:ext uri="{FF2B5EF4-FFF2-40B4-BE49-F238E27FC236}">
                <a16:creationId xmlns:a16="http://schemas.microsoft.com/office/drawing/2014/main" id="{44B622AC-9F37-4CF0-9135-D8668E4AC423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4565936" y="12818429"/>
            <a:ext cx="1193974" cy="562340"/>
          </a:xfrm>
          <a:prstGeom prst="rect">
            <a:avLst/>
          </a:prstGeom>
        </p:spPr>
      </p:pic>
      <p:sp>
        <p:nvSpPr>
          <p:cNvPr id="32" name="Text Box 2">
            <a:extLst>
              <a:ext uri="{FF2B5EF4-FFF2-40B4-BE49-F238E27FC236}">
                <a16:creationId xmlns:a16="http://schemas.microsoft.com/office/drawing/2014/main" id="{EE3FD718-B082-4E13-8531-D36043CE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710044" y="4871986"/>
            <a:ext cx="10924601" cy="3656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xt levels = text </a:t>
            </a: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3" name="Text Box 2">
            <a:extLst>
              <a:ext uri="{FF2B5EF4-FFF2-40B4-BE49-F238E27FC236}">
                <a16:creationId xmlns:a16="http://schemas.microsoft.com/office/drawing/2014/main" id="{B75053EE-94DD-4BE7-8535-DDF79D7DC96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775275" y="10976266"/>
            <a:ext cx="10455712" cy="24629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text</a:t>
            </a: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styles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jump through </a:t>
            </a:r>
            <a:b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evels. Click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then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go back in levels us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-TAB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ely, </a:t>
            </a: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crease</a:t>
            </a:r>
            <a: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</a:t>
            </a:r>
            <a:b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crease </a:t>
            </a:r>
            <a:r>
              <a:rPr 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st level can be used</a:t>
            </a:r>
            <a:endParaRPr lang="da-DK" sz="2376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34" name="1 Increase decrease">
            <a:extLst>
              <a:ext uri="{FF2B5EF4-FFF2-40B4-BE49-F238E27FC236}">
                <a16:creationId xmlns:a16="http://schemas.microsoft.com/office/drawing/2014/main" id="{3665062C-29D3-44F2-A087-EE9D8B1857C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0617066" y="13032757"/>
            <a:ext cx="2159053" cy="566392"/>
          </a:xfrm>
          <a:prstGeom prst="rect">
            <a:avLst/>
          </a:prstGeom>
        </p:spPr>
      </p:pic>
      <p:sp>
        <p:nvSpPr>
          <p:cNvPr id="35" name="Text Box 2">
            <a:extLst>
              <a:ext uri="{FF2B5EF4-FFF2-40B4-BE49-F238E27FC236}">
                <a16:creationId xmlns:a16="http://schemas.microsoft.com/office/drawing/2014/main" id="{2D79327B-A82A-49E1-A04D-E3225F655E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8109652" y="4871987"/>
            <a:ext cx="10455712" cy="99416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7106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fontAlgn="auto">
              <a:spcBef>
                <a:spcPts val="1425"/>
              </a:spcBef>
              <a:spcAft>
                <a:spcPts val="713"/>
              </a:spcAft>
              <a:buFont typeface="+mj-lt"/>
              <a:buNone/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10861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me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endParaRPr lang="da-DK" altLang="da-DK" sz="2376" b="0" strike="sngStrike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indent="0" algn="l" defTabSz="10861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lick the </a:t>
            </a:r>
            <a:r>
              <a:rPr lang="da-DK" altLang="da-DK" sz="2376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</a:t>
            </a: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enu to </a:t>
            </a:r>
            <a:b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position, size</a:t>
            </a: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atting of the slide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holders to their </a:t>
            </a:r>
            <a:b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fault settings</a:t>
            </a:r>
          </a:p>
          <a:p>
            <a:pPr marL="0" marR="0" indent="0" algn="l" defTabSz="10861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13"/>
              </a:spcAft>
              <a:buClrTx/>
              <a:buSzTx/>
              <a:buFont typeface="+mj-lt"/>
              <a:buNone/>
              <a:tabLst/>
              <a:defRPr/>
            </a:pPr>
            <a:endParaRPr lang="da-DK" altLang="da-DK" sz="2376" baseline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ange footer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o this at the very end, so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you get all the corrections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write the desired text)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 to All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713"/>
              </a:spcAft>
              <a:defRPr/>
            </a:pPr>
            <a:endParaRPr lang="da-DK" altLang="da-DK" sz="2376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713"/>
              </a:spcAft>
              <a:defRPr/>
            </a:pPr>
            <a:r>
              <a:rPr 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view drawing guides</a:t>
            </a: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ew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, set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ck mark next to </a:t>
            </a: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  <a:endParaRPr lang="da-DK" altLang="da-DK" sz="2376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713"/>
              </a:spcAft>
              <a:defRPr/>
            </a:pPr>
            <a:r>
              <a:rPr lang="da-DK" altLang="da-DK" sz="2376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Alt + F9 </a:t>
            </a: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quick </a:t>
            </a:r>
            <a:b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37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ewing of guides</a:t>
            </a:r>
          </a:p>
        </p:txBody>
      </p:sp>
      <p:sp>
        <p:nvSpPr>
          <p:cNvPr id="36" name="Header">
            <a:extLst>
              <a:ext uri="{FF2B5EF4-FFF2-40B4-BE49-F238E27FC236}">
                <a16:creationId xmlns:a16="http://schemas.microsoft.com/office/drawing/2014/main" id="{217C2263-C143-4FDC-A0E9-D69C450DFF0F}"/>
              </a:ext>
            </a:extLst>
          </p:cNvPr>
          <p:cNvSpPr txBox="1"/>
          <p:nvPr userDrawn="1"/>
        </p:nvSpPr>
        <p:spPr>
          <a:xfrm>
            <a:off x="1664739" y="3163019"/>
            <a:ext cx="26416856" cy="78111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User guide –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delete</a:t>
            </a:r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before</a:t>
            </a:r>
            <a:r>
              <a:rPr kumimoji="0" lang="da-DK" sz="5227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r>
              <a:rPr kumimoji="0" lang="da-DK" sz="5227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use</a:t>
            </a:r>
            <a:endParaRPr lang="da-DK" sz="3326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B47A066-FA25-4B1A-B445-116BC8AA58F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AD96299-3FF8-472D-A68A-1C25A847CC7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Indsæt via sidefod: Afdeling, Syddansk Universitet/ Name, University of Southern Denmark</a:t>
            </a: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DCE8058-7AD3-4A90-B7F7-480B49D6F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3D083C-813B-4EF1-9022-D19B331ACFAC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CEB6D7D2-8206-43A7-BDD7-A63694B216B4}"/>
              </a:ext>
            </a:extLst>
          </p:cNvPr>
          <p:cNvPicPr>
            <a:picLocks noChangeAspect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775276" y="6164000"/>
            <a:ext cx="12122485" cy="38355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41196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theme" Target="../theme/theme1.xml"/><Relationship Id="rId13" Type="http://schemas.openxmlformats.org/officeDocument/2006/relationships/tags" Target="../tags/tag5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ags" Target="../tags/tag4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tags" Target="../tags/tag3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bin"/><Relationship Id="rId10" Type="http://schemas.openxmlformats.org/officeDocument/2006/relationships/tags" Target="../tags/tag2.xml"/><Relationship Id="rId4" Type="http://schemas.openxmlformats.org/officeDocument/2006/relationships/slideLayout" Target="../slideLayouts/slideLayout4.xml"/><Relationship Id="rId9" Type="http://schemas.openxmlformats.org/officeDocument/2006/relationships/tags" Target="../tags/tag1.xml"/><Relationship Id="rId14" Type="http://schemas.openxmlformats.org/officeDocument/2006/relationships/tags" Target="../tags/tag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10040" y="2681553"/>
            <a:ext cx="37156487" cy="252516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757308" y="7178778"/>
            <a:ext cx="37109222" cy="2220686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, Header 32</a:t>
            </a:r>
          </a:p>
          <a:p>
            <a:pPr lvl="1"/>
            <a:r>
              <a:rPr lang="en-GB" noProof="0" dirty="0"/>
              <a:t>Level 2, Body 32</a:t>
            </a:r>
          </a:p>
          <a:p>
            <a:pPr lvl="2"/>
            <a:r>
              <a:rPr lang="en-GB" noProof="0" dirty="0"/>
              <a:t>Level 3, Body 32</a:t>
            </a:r>
          </a:p>
          <a:p>
            <a:pPr lvl="3"/>
            <a:r>
              <a:rPr lang="en-GB" noProof="0" dirty="0"/>
              <a:t>Level 4, Body 24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, Small Header 16</a:t>
            </a:r>
          </a:p>
          <a:p>
            <a:pPr lvl="6"/>
            <a:r>
              <a:rPr lang="en-GB" noProof="0" dirty="0"/>
              <a:t>Level 7, Small Body 16</a:t>
            </a:r>
          </a:p>
          <a:p>
            <a:pPr lvl="7"/>
            <a:r>
              <a:rPr lang="en-GB" noProof="0" dirty="0"/>
              <a:t>Level 8, Small Body 16</a:t>
            </a:r>
          </a:p>
          <a:p>
            <a:pPr lvl="7"/>
            <a:endParaRPr lang="en-GB" noProof="0" dirty="0"/>
          </a:p>
          <a:p>
            <a:pPr lvl="8"/>
            <a:r>
              <a:rPr lang="en-GB" noProof="0" dirty="0"/>
              <a:t>Infographic 110</a:t>
            </a:r>
          </a:p>
        </p:txBody>
      </p:sp>
      <p:sp>
        <p:nvSpPr>
          <p:cNvPr id="13" name="Rectangle 12" hidden="1">
            <a:extLst>
              <a:ext uri="{FF2B5EF4-FFF2-40B4-BE49-F238E27FC236}">
                <a16:creationId xmlns:a16="http://schemas.microsoft.com/office/drawing/2014/main" id="{51999794-01F0-4825-8DD8-13A8ED9821BE}"/>
              </a:ext>
            </a:extLst>
          </p:cNvPr>
          <p:cNvSpPr/>
          <p:nvPr userDrawn="1"/>
        </p:nvSpPr>
        <p:spPr>
          <a:xfrm rot="5400000">
            <a:off x="39525876" y="27404489"/>
            <a:ext cx="3118193" cy="89532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663" b="0" noProof="1">
                <a:solidFill>
                  <a:schemeClr val="tx1"/>
                </a:solidFill>
              </a:rPr>
              <a:t>Sydansk Universitet/</a:t>
            </a:r>
          </a:p>
        </p:txBody>
      </p:sp>
      <p:sp>
        <p:nvSpPr>
          <p:cNvPr id="14" name="Rectangle 13" hidden="1">
            <a:extLst>
              <a:ext uri="{FF2B5EF4-FFF2-40B4-BE49-F238E27FC236}">
                <a16:creationId xmlns:a16="http://schemas.microsoft.com/office/drawing/2014/main" id="{64BFE5BC-BC5C-4ADD-B236-9C4A05A34460}"/>
              </a:ext>
            </a:extLst>
          </p:cNvPr>
          <p:cNvSpPr/>
          <p:nvPr userDrawn="1"/>
        </p:nvSpPr>
        <p:spPr>
          <a:xfrm rot="5400000">
            <a:off x="39930112" y="24448210"/>
            <a:ext cx="2309718" cy="89532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GB" sz="1663" b="0" noProof="1">
                <a:solidFill>
                  <a:schemeClr val="tx1"/>
                </a:solidFill>
              </a:rPr>
              <a:t>Sydansk Universitet/</a:t>
            </a:r>
          </a:p>
        </p:txBody>
      </p:sp>
      <p:sp>
        <p:nvSpPr>
          <p:cNvPr id="2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58.19016&lt;/Left&gt;&#10;      &lt;Top&gt;470.5001&lt;/Top&gt;&#10;      &lt;Width&gt;360&lt;/Width&gt;&#10;      &lt;Height&gt;693.020935&lt;/Height&gt;&#10;    &lt;/SubGrid&gt;&#10;    &lt;SubGrid&gt;&#10;      &lt;Left&gt;492.595123&lt;/Left&gt;&#10;      &lt;Top&gt;470.5001&lt;/Top&gt;&#10;      &lt;Width&gt;360&lt;/Width&gt;&#10;      &lt;Height&gt;693.020935&lt;/Height&gt;&#10;    &lt;/SubGrid&gt;&#10;    &lt;SubGrid&gt;&#10;      &lt;Left&gt;927&lt;/Left&gt;&#10;      &lt;Top&gt;470.5001&lt;/Top&gt;&#10;      &lt;Width&gt;360&lt;/Width&gt;&#10;      &lt;Height&gt;693.020935&lt;/Height&gt;&#10;    &lt;/SubGrid&gt;&#10;    &lt;SubGrid&gt;&#10;      &lt;Left&gt;58.19016&lt;/Left&gt;&#10;      &lt;Top&gt;1232.926&lt;/Top&gt;&#10;      &lt;Width&gt;360&lt;/Width&gt;&#10;      &lt;Height&gt;693.020935&lt;/Height&gt;&#10;    &lt;/SubGrid&gt;&#10;    &lt;SubGrid&gt;&#10;      &lt;Left&gt;492.595123&lt;/Left&gt;&#10;      &lt;Top&gt;1232.926&lt;/Top&gt;&#10;      &lt;Width&gt;360&lt;/Width&gt;&#10;      &lt;Height&gt;693.020935&lt;/Height&gt;&#10;    &lt;/SubGrid&gt;&#10;    &lt;SubGrid&gt;&#10;      &lt;Left&gt;926.9998&lt;/Left&gt;&#10;      &lt;Top&gt;1232.926&lt;/Top&gt;&#10;      &lt;Width&gt;360&lt;/Width&gt;&#10;      &lt;Height&gt;693.020935&lt;/Height&gt;&#10;    &lt;/SubGrid&gt;&#10;  &lt;/SubGrids&gt;&#10;  &lt;WorkArea&gt;&#10;    &lt;Top&gt;470.5001&lt;/Top&gt;&#10;    &lt;Left&gt;58.19016&lt;/Left&gt;&#10;    &lt;Width&gt;1228.80981&lt;/Width&gt;&#10;    &lt;Height&gt;1455.4469&lt;/Height&gt;&#10;  &lt;/WorkArea&gt;&#10;  &lt;AspectW&gt;-1&lt;/AspectW&gt;&#10;  &lt;AspectH&gt;-1&lt;/AspectH&gt;&#10;  &lt;Width&gt;1417.375&lt;/Width&gt;&#10;  &lt;Height&gt;1984.25&lt;/Height&gt;&#10;  &lt;HGap&gt;5&lt;/HGap&gt;&#10;  &lt;VGap&gt;5&lt;/VGap&gt;&#10;  &lt;OfficeVersion&gt;-1&lt;/OfficeVersion&gt;&#10;&lt;/GridTheme&gt;" hidden="1">
            <a:extLst>
              <a:ext uri="{FF2B5EF4-FFF2-40B4-BE49-F238E27FC236}">
                <a16:creationId xmlns:a16="http://schemas.microsoft.com/office/drawing/2014/main" id="{06B21253-F9D4-4216-867C-90365FE7332C}"/>
              </a:ext>
            </a:extLst>
          </p:cNvPr>
          <p:cNvSpPr/>
          <p:nvPr userDrawn="1"/>
        </p:nvSpPr>
        <p:spPr>
          <a:xfrm>
            <a:off x="1757308" y="7178778"/>
            <a:ext cx="37109222" cy="22206862"/>
          </a:xfrm>
          <a:prstGeom prst="rect">
            <a:avLst/>
          </a:prstGeom>
          <a:noFill/>
          <a:ln w="31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A1FF3923-7925-4F96-861A-B0B8B6DABDD9}"/>
              </a:ext>
            </a:extLst>
          </p:cNvPr>
          <p:cNvSpPr/>
          <p:nvPr userDrawn="1">
            <p:custDataLst>
              <p:tags r:id="rId9"/>
            </p:custDataLst>
          </p:nvPr>
        </p:nvSpPr>
        <p:spPr>
          <a:xfrm>
            <a:off x="1757305" y="7178778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8" name="Rectangle 7" hidden="1">
            <a:extLst>
              <a:ext uri="{FF2B5EF4-FFF2-40B4-BE49-F238E27FC236}">
                <a16:creationId xmlns:a16="http://schemas.microsoft.com/office/drawing/2014/main" id="{CE50407C-BA8A-4C1E-AA93-6BBAFD1F0D44}"/>
              </a:ext>
            </a:extLst>
          </p:cNvPr>
          <p:cNvSpPr/>
          <p:nvPr userDrawn="1">
            <p:custDataLst>
              <p:tags r:id="rId10"/>
            </p:custDataLst>
          </p:nvPr>
        </p:nvSpPr>
        <p:spPr>
          <a:xfrm>
            <a:off x="14876037" y="7178778"/>
            <a:ext cx="10868884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9" name="Rectangle 8" hidden="1">
            <a:extLst>
              <a:ext uri="{FF2B5EF4-FFF2-40B4-BE49-F238E27FC236}">
                <a16:creationId xmlns:a16="http://schemas.microsoft.com/office/drawing/2014/main" id="{304A5401-1A4C-4570-A7CF-9B53907A2974}"/>
              </a:ext>
            </a:extLst>
          </p:cNvPr>
          <p:cNvSpPr/>
          <p:nvPr userDrawn="1">
            <p:custDataLst>
              <p:tags r:id="rId11"/>
            </p:custDataLst>
          </p:nvPr>
        </p:nvSpPr>
        <p:spPr>
          <a:xfrm>
            <a:off x="27994774" y="7178778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16" name="Rectangle 15" hidden="1">
            <a:extLst>
              <a:ext uri="{FF2B5EF4-FFF2-40B4-BE49-F238E27FC236}">
                <a16:creationId xmlns:a16="http://schemas.microsoft.com/office/drawing/2014/main" id="{00040083-ECBD-4B74-ADC6-935BE40142B7}"/>
              </a:ext>
            </a:extLst>
          </p:cNvPr>
          <p:cNvSpPr/>
          <p:nvPr userDrawn="1">
            <p:custDataLst>
              <p:tags r:id="rId12"/>
            </p:custDataLst>
          </p:nvPr>
        </p:nvSpPr>
        <p:spPr>
          <a:xfrm>
            <a:off x="1757305" y="18811692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17" name="Rectangle 16" hidden="1">
            <a:extLst>
              <a:ext uri="{FF2B5EF4-FFF2-40B4-BE49-F238E27FC236}">
                <a16:creationId xmlns:a16="http://schemas.microsoft.com/office/drawing/2014/main" id="{63073520-EBB2-4A05-88CD-0C0C677B1802}"/>
              </a:ext>
            </a:extLst>
          </p:cNvPr>
          <p:cNvSpPr/>
          <p:nvPr userDrawn="1">
            <p:custDataLst>
              <p:tags r:id="rId13"/>
            </p:custDataLst>
          </p:nvPr>
        </p:nvSpPr>
        <p:spPr>
          <a:xfrm>
            <a:off x="14876041" y="18811692"/>
            <a:ext cx="10871756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18" name="Rectangle 17" hidden="1">
            <a:extLst>
              <a:ext uri="{FF2B5EF4-FFF2-40B4-BE49-F238E27FC236}">
                <a16:creationId xmlns:a16="http://schemas.microsoft.com/office/drawing/2014/main" id="{AB98C284-411A-4CC4-8949-85D4F95A4464}"/>
              </a:ext>
            </a:extLst>
          </p:cNvPr>
          <p:cNvSpPr/>
          <p:nvPr userDrawn="1">
            <p:custDataLst>
              <p:tags r:id="rId14"/>
            </p:custDataLst>
          </p:nvPr>
        </p:nvSpPr>
        <p:spPr>
          <a:xfrm>
            <a:off x="27994769" y="18811692"/>
            <a:ext cx="10871754" cy="10573948"/>
          </a:xfrm>
          <a:prstGeom prst="rect">
            <a:avLst/>
          </a:prstGeom>
          <a:noFill/>
          <a:ln w="3175" cap="flat" cmpd="sng" algn="ctr">
            <a:solidFill>
              <a:srgbClr val="FF006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5531" tIns="42766" rIns="85531" bIns="42766" rtlCol="0" anchor="ctr"/>
          <a:lstStyle/>
          <a:p>
            <a:pPr algn="ctr"/>
            <a:endParaRPr lang="da-DK" sz="2376" noProof="0" dirty="0" err="1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3"/>
          </p:nvPr>
        </p:nvSpPr>
        <p:spPr>
          <a:xfrm rot="5400000">
            <a:off x="34593400" y="22503110"/>
            <a:ext cx="12983141" cy="895321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/>
              <a:t>Indsæt via sidefod: Afdeling, Syddansk Universitet/ Name, University of Southern Denmark</a:t>
            </a:r>
            <a:endParaRPr lang="en-GB" dirty="0"/>
          </a:p>
        </p:txBody>
      </p:sp>
      <p:sp>
        <p:nvSpPr>
          <p:cNvPr id="19" name="Slide Number Placeholder 18">
            <a:extLst>
              <a:ext uri="{FF2B5EF4-FFF2-40B4-BE49-F238E27FC236}">
                <a16:creationId xmlns:a16="http://schemas.microsoft.com/office/drawing/2014/main" id="{A99DA098-D8AC-4F76-B21B-ECD6320503A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30707747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19">
                <a:noFill/>
              </a:defRPr>
            </a:lvl1pPr>
          </a:lstStyle>
          <a:p>
            <a:fld id="{243D083C-813B-4EF1-9022-D19B331ACFAC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4" name="Date_GeneralDate"/>
          <p:cNvSpPr>
            <a:spLocks noGrp="1"/>
          </p:cNvSpPr>
          <p:nvPr>
            <p:ph type="dt" sz="half" idx="2"/>
          </p:nvPr>
        </p:nvSpPr>
        <p:spPr>
          <a:xfrm>
            <a:off x="0" y="30707747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9">
                <a:noFill/>
              </a:defRPr>
            </a:lvl1pPr>
          </a:lstStyle>
          <a:p>
            <a:endParaRPr lang="en-GB" dirty="0"/>
          </a:p>
        </p:txBody>
      </p:sp>
      <p:pic>
        <p:nvPicPr>
          <p:cNvPr id="21" name="Logo black">
            <a:extLst>
              <a:ext uri="{FF2B5EF4-FFF2-40B4-BE49-F238E27FC236}">
                <a16:creationId xmlns:a16="http://schemas.microsoft.com/office/drawing/2014/main" id="{32ADEC37-C81F-894B-9FF8-8E13FF03CCA8}"/>
              </a:ext>
            </a:extLst>
          </p:cNvPr>
          <p:cNvPicPr>
            <a:picLocks noChangeAspect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270943" y="889576"/>
            <a:ext cx="3366367" cy="9115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53" r:id="rId2"/>
    <p:sldLayoutId id="2147483755" r:id="rId3"/>
    <p:sldLayoutId id="2147483752" r:id="rId4"/>
    <p:sldLayoutId id="2147483754" r:id="rId5"/>
    <p:sldLayoutId id="2147483756" r:id="rId6"/>
    <p:sldLayoutId id="2147483746" r:id="rId7"/>
  </p:sldLayoutIdLst>
  <p:hf sldNum="0" hdr="0" dt="0"/>
  <p:txStyles>
    <p:titleStyle>
      <a:lvl1pPr algn="l" defTabSz="1086167" rtl="0" eaLnBrk="1" latinLnBrk="0" hangingPunct="1">
        <a:lnSpc>
          <a:spcPct val="88000"/>
        </a:lnSpc>
        <a:spcBef>
          <a:spcPct val="0"/>
        </a:spcBef>
        <a:buNone/>
        <a:defRPr sz="9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6167" rtl="0" eaLnBrk="1" latinLnBrk="0" hangingPunct="1">
        <a:lnSpc>
          <a:spcPct val="110000"/>
        </a:lnSpc>
        <a:spcBef>
          <a:spcPts val="1425"/>
        </a:spcBef>
        <a:spcAft>
          <a:spcPts val="713"/>
        </a:spcAft>
        <a:buFont typeface="Arial" panose="020B0604020202020204" pitchFamily="34" charset="0"/>
        <a:buChar char="​"/>
        <a:defRPr sz="3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1086167" rtl="0" eaLnBrk="1" latinLnBrk="0" hangingPunct="1">
        <a:lnSpc>
          <a:spcPct val="110000"/>
        </a:lnSpc>
        <a:spcBef>
          <a:spcPts val="0"/>
        </a:spcBef>
        <a:spcAft>
          <a:spcPts val="1425"/>
        </a:spcAft>
        <a:buFont typeface="Arial" panose="020B0604020202020204" pitchFamily="34" charset="0"/>
        <a:buChar char="​"/>
        <a:defRPr sz="3200" kern="1200">
          <a:solidFill>
            <a:schemeClr val="tx1"/>
          </a:solidFill>
          <a:latin typeface="+mn-lt"/>
          <a:ea typeface="+mn-ea"/>
          <a:cs typeface="+mn-cs"/>
        </a:defRPr>
      </a:lvl2pPr>
      <a:lvl3pPr marL="213812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1425"/>
        </a:spcAft>
        <a:buFont typeface="Arial" panose="020B0604020202020204" pitchFamily="34" charset="0"/>
        <a:buChar char="•"/>
        <a:defRPr sz="3200" kern="1200">
          <a:solidFill>
            <a:schemeClr val="tx1"/>
          </a:solidFill>
          <a:latin typeface="+mn-lt"/>
          <a:ea typeface="+mn-ea"/>
          <a:cs typeface="+mn-cs"/>
        </a:defRPr>
      </a:lvl3pPr>
      <a:lvl4pPr marL="427625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1188"/>
        </a:spcAft>
        <a:buFont typeface="Arial" panose="020B0604020202020204" pitchFamily="34" charset="0"/>
        <a:buChar char="•"/>
        <a:defRPr sz="24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641437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950"/>
        </a:spcAft>
        <a:buFont typeface="Arial" panose="020B0604020202020204" pitchFamily="34" charset="0"/>
        <a:buChar char="•"/>
        <a:tabLst/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1086167" rtl="0" eaLnBrk="1" latinLnBrk="0" hangingPunct="1">
        <a:lnSpc>
          <a:spcPct val="110000"/>
        </a:lnSpc>
        <a:spcBef>
          <a:spcPts val="713"/>
        </a:spcBef>
        <a:spcAft>
          <a:spcPts val="713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1086167" rtl="0" eaLnBrk="1" latinLnBrk="0" hangingPunct="1">
        <a:lnSpc>
          <a:spcPct val="110000"/>
        </a:lnSpc>
        <a:spcBef>
          <a:spcPts val="0"/>
        </a:spcBef>
        <a:spcAft>
          <a:spcPts val="713"/>
        </a:spcAft>
        <a:buFont typeface="Arial" panose="020B0604020202020204" pitchFamily="34" charset="0"/>
        <a:buChar char="​"/>
        <a:defRPr sz="16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213812" indent="-213812" algn="l" defTabSz="1086167" rtl="0" eaLnBrk="1" latinLnBrk="0" hangingPunct="1">
        <a:lnSpc>
          <a:spcPct val="110000"/>
        </a:lnSpc>
        <a:spcBef>
          <a:spcPts val="0"/>
        </a:spcBef>
        <a:spcAft>
          <a:spcPts val="713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1086167" rtl="0" eaLnBrk="1" latinLnBrk="0" hangingPunct="1">
        <a:lnSpc>
          <a:spcPct val="83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10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1pPr>
      <a:lvl2pPr marL="543083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2pPr>
      <a:lvl3pPr marL="108616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3pPr>
      <a:lvl4pPr marL="1629251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4pPr>
      <a:lvl5pPr marL="2172334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5pPr>
      <a:lvl6pPr marL="271541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6pPr>
      <a:lvl7pPr marL="3258500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7pPr>
      <a:lvl8pPr marL="3801584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8pPr>
      <a:lvl9pPr marL="4344667" algn="l" defTabSz="1086167" rtl="0" eaLnBrk="1" latinLnBrk="0" hangingPunct="1">
        <a:defRPr sz="213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1077" userDrawn="1">
          <p15:clr>
            <a:srgbClr val="F26B43"/>
          </p15:clr>
        </p15:guide>
        <p15:guide id="3" orient="horz" pos="2484" userDrawn="1">
          <p15:clr>
            <a:srgbClr val="F26B43"/>
          </p15:clr>
        </p15:guide>
        <p15:guide id="4" pos="25852" userDrawn="1">
          <p15:clr>
            <a:srgbClr val="F26B43"/>
          </p15:clr>
        </p15:guide>
        <p15:guide id="5" orient="horz" pos="18527" userDrawn="1">
          <p15:clr>
            <a:srgbClr val="F26B43"/>
          </p15:clr>
        </p15:guide>
        <p15:guide id="6" orient="horz" pos="4522" userDrawn="1">
          <p15:clr>
            <a:srgbClr val="F26B43"/>
          </p15:clr>
        </p15:guide>
        <p15:guide id="7" pos="24483" userDrawn="1">
          <p15:clr>
            <a:srgbClr val="F26B43"/>
          </p15:clr>
        </p15:guide>
        <p15:guide id="8" pos="7958" userDrawn="1">
          <p15:clr>
            <a:srgbClr val="F26B43"/>
          </p15:clr>
        </p15:guide>
        <p15:guide id="9" pos="9368" userDrawn="1">
          <p15:clr>
            <a:srgbClr val="F26B43"/>
          </p15:clr>
        </p15:guide>
        <p15:guide id="10" pos="16218" userDrawn="1">
          <p15:clr>
            <a:srgbClr val="F26B43"/>
          </p15:clr>
        </p15:guide>
        <p15:guide id="11" pos="1762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31653C-D4F3-4F1C-8C75-BAE4D4EF3BE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12082" y="2874166"/>
            <a:ext cx="37154438" cy="1486193"/>
          </a:xfrm>
        </p:spPr>
        <p:txBody>
          <a:bodyPr/>
          <a:lstStyle/>
          <a:p>
            <a:r>
              <a:rPr lang="da-DK" sz="8400" dirty="0"/>
              <a:t>Sprintplan</a:t>
            </a:r>
          </a:p>
        </p:txBody>
      </p:sp>
      <p:graphicFrame>
        <p:nvGraphicFramePr>
          <p:cNvPr id="20" name="Pladsholder til indhold 19">
            <a:extLst>
              <a:ext uri="{FF2B5EF4-FFF2-40B4-BE49-F238E27FC236}">
                <a16:creationId xmlns:a16="http://schemas.microsoft.com/office/drawing/2014/main" id="{B1E396DE-2102-A4EB-7B34-3666CA43794A}"/>
              </a:ext>
            </a:extLst>
          </p:cNvPr>
          <p:cNvGraphicFramePr>
            <a:graphicFrameLocks noGrp="1"/>
          </p:cNvGraphicFramePr>
          <p:nvPr>
            <p:ph sz="quarter" idx="29"/>
            <p:extLst>
              <p:ext uri="{D42A27DB-BD31-4B8C-83A1-F6EECF244321}">
                <p14:modId xmlns:p14="http://schemas.microsoft.com/office/powerpoint/2010/main" val="1247567393"/>
              </p:ext>
            </p:extLst>
          </p:nvPr>
        </p:nvGraphicFramePr>
        <p:xfrm>
          <a:off x="1712082" y="6302829"/>
          <a:ext cx="39435927" cy="19552265"/>
        </p:xfrm>
        <a:graphic>
          <a:graphicData uri="http://schemas.openxmlformats.org/drawingml/2006/table">
            <a:tbl>
              <a:tblPr>
                <a:tableStyleId>{F5AB1C69-6EDB-4FF4-983F-18BD219EF322}</a:tableStyleId>
              </a:tblPr>
              <a:tblGrid>
                <a:gridCol w="5031618">
                  <a:extLst>
                    <a:ext uri="{9D8B030D-6E8A-4147-A177-3AD203B41FA5}">
                      <a16:colId xmlns:a16="http://schemas.microsoft.com/office/drawing/2014/main" val="3141096054"/>
                    </a:ext>
                  </a:extLst>
                </a:gridCol>
                <a:gridCol w="3822701">
                  <a:extLst>
                    <a:ext uri="{9D8B030D-6E8A-4147-A177-3AD203B41FA5}">
                      <a16:colId xmlns:a16="http://schemas.microsoft.com/office/drawing/2014/main" val="1282698299"/>
                    </a:ext>
                  </a:extLst>
                </a:gridCol>
                <a:gridCol w="3822701">
                  <a:extLst>
                    <a:ext uri="{9D8B030D-6E8A-4147-A177-3AD203B41FA5}">
                      <a16:colId xmlns:a16="http://schemas.microsoft.com/office/drawing/2014/main" val="3544716757"/>
                    </a:ext>
                  </a:extLst>
                </a:gridCol>
                <a:gridCol w="3822701">
                  <a:extLst>
                    <a:ext uri="{9D8B030D-6E8A-4147-A177-3AD203B41FA5}">
                      <a16:colId xmlns:a16="http://schemas.microsoft.com/office/drawing/2014/main" val="229041106"/>
                    </a:ext>
                  </a:extLst>
                </a:gridCol>
                <a:gridCol w="3822701">
                  <a:extLst>
                    <a:ext uri="{9D8B030D-6E8A-4147-A177-3AD203B41FA5}">
                      <a16:colId xmlns:a16="http://schemas.microsoft.com/office/drawing/2014/main" val="2069607354"/>
                    </a:ext>
                  </a:extLst>
                </a:gridCol>
                <a:gridCol w="3822701">
                  <a:extLst>
                    <a:ext uri="{9D8B030D-6E8A-4147-A177-3AD203B41FA5}">
                      <a16:colId xmlns:a16="http://schemas.microsoft.com/office/drawing/2014/main" val="3378889971"/>
                    </a:ext>
                  </a:extLst>
                </a:gridCol>
                <a:gridCol w="3822701">
                  <a:extLst>
                    <a:ext uri="{9D8B030D-6E8A-4147-A177-3AD203B41FA5}">
                      <a16:colId xmlns:a16="http://schemas.microsoft.com/office/drawing/2014/main" val="3862339008"/>
                    </a:ext>
                  </a:extLst>
                </a:gridCol>
                <a:gridCol w="3822701">
                  <a:extLst>
                    <a:ext uri="{9D8B030D-6E8A-4147-A177-3AD203B41FA5}">
                      <a16:colId xmlns:a16="http://schemas.microsoft.com/office/drawing/2014/main" val="4019825177"/>
                    </a:ext>
                  </a:extLst>
                </a:gridCol>
                <a:gridCol w="3822701">
                  <a:extLst>
                    <a:ext uri="{9D8B030D-6E8A-4147-A177-3AD203B41FA5}">
                      <a16:colId xmlns:a16="http://schemas.microsoft.com/office/drawing/2014/main" val="2654876443"/>
                    </a:ext>
                  </a:extLst>
                </a:gridCol>
                <a:gridCol w="3822701">
                  <a:extLst>
                    <a:ext uri="{9D8B030D-6E8A-4147-A177-3AD203B41FA5}">
                      <a16:colId xmlns:a16="http://schemas.microsoft.com/office/drawing/2014/main" val="3477644855"/>
                    </a:ext>
                  </a:extLst>
                </a:gridCol>
              </a:tblGrid>
              <a:tr h="1222017">
                <a:tc rowSpan="2">
                  <a:txBody>
                    <a:bodyPr/>
                    <a:lstStyle/>
                    <a:p>
                      <a:pPr algn="l"/>
                      <a:r>
                        <a:rPr lang="da-DK" sz="3600" b="1" dirty="0"/>
                        <a:t>Teammedlemmer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gridSpan="5"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Uge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da-DK" sz="3600" b="1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Uge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da-DK" sz="3600" b="1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da-DK" sz="3600" b="1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Uge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Uge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Uge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Resultat ved afslutning af sprint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64801351"/>
                  </a:ext>
                </a:extLst>
              </a:tr>
              <a:tr h="1222017">
                <a:tc vMerge="1"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Mandag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Tirsdag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Onsdag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Torsdag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3600" b="1" dirty="0"/>
                        <a:t>Fredag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pPr algn="ctr"/>
                      <a:endParaRPr lang="da-DK" b="1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pPr algn="ctr"/>
                      <a:endParaRPr lang="da-DK" b="1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470750"/>
                  </a:ext>
                </a:extLst>
              </a:tr>
              <a:tr h="2444033"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63816501"/>
                  </a:ext>
                </a:extLst>
              </a:tr>
              <a:tr h="244403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2400" dirty="0"/>
                    </a:p>
                  </a:txBody>
                  <a:tcPr marL="10800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674440119"/>
                  </a:ext>
                </a:extLst>
              </a:tr>
              <a:tr h="244403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2400" dirty="0"/>
                    </a:p>
                  </a:txBody>
                  <a:tcPr marL="10800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66699275"/>
                  </a:ext>
                </a:extLst>
              </a:tr>
              <a:tr h="244403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2400" dirty="0"/>
                    </a:p>
                  </a:txBody>
                  <a:tcPr marL="10800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679446992"/>
                  </a:ext>
                </a:extLst>
              </a:tr>
              <a:tr h="244403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2400" dirty="0"/>
                    </a:p>
                  </a:txBody>
                  <a:tcPr marL="10800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987215491"/>
                  </a:ext>
                </a:extLst>
              </a:tr>
              <a:tr h="2444033">
                <a:tc>
                  <a:txBody>
                    <a:bodyPr/>
                    <a:lstStyle/>
                    <a:p>
                      <a:endParaRPr lang="da-DK" sz="2400" dirty="0"/>
                    </a:p>
                  </a:txBody>
                  <a:tcPr marL="10800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05359424"/>
                  </a:ext>
                </a:extLst>
              </a:tr>
              <a:tr h="2444033">
                <a:tc>
                  <a:txBody>
                    <a:bodyPr/>
                    <a:lstStyle/>
                    <a:p>
                      <a:r>
                        <a:rPr lang="da-DK" sz="3600" b="1" dirty="0"/>
                        <a:t>Projektledelse</a:t>
                      </a:r>
                    </a:p>
                  </a:txBody>
                  <a:tcPr marL="10800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56205631"/>
                  </a:ext>
                </a:extLst>
              </a:tr>
            </a:tbl>
          </a:graphicData>
        </a:graphic>
      </p:graphicFrame>
      <p:sp>
        <p:nvSpPr>
          <p:cNvPr id="112" name="Kombinationstegning 111">
            <a:extLst>
              <a:ext uri="{FF2B5EF4-FFF2-40B4-BE49-F238E27FC236}">
                <a16:creationId xmlns:a16="http://schemas.microsoft.com/office/drawing/2014/main" id="{85CA572B-0E16-E3B4-17A8-28E0037122C1}"/>
              </a:ext>
            </a:extLst>
          </p:cNvPr>
          <p:cNvSpPr/>
          <p:nvPr/>
        </p:nvSpPr>
        <p:spPr>
          <a:xfrm>
            <a:off x="6265057" y="5361472"/>
            <a:ext cx="27340264" cy="19552268"/>
          </a:xfrm>
          <a:custGeom>
            <a:avLst/>
            <a:gdLst>
              <a:gd name="connsiteX0" fmla="*/ 9391484 w 9554268"/>
              <a:gd name="connsiteY0" fmla="*/ 6740778 h 6857146"/>
              <a:gd name="connsiteX1" fmla="*/ 9391484 w 9554268"/>
              <a:gd name="connsiteY1" fmla="*/ 6857147 h 6857146"/>
              <a:gd name="connsiteX2" fmla="*/ 9391484 w 9554268"/>
              <a:gd name="connsiteY2" fmla="*/ 116369 h 6857146"/>
              <a:gd name="connsiteX3" fmla="*/ 9391484 w 9554268"/>
              <a:gd name="connsiteY3" fmla="*/ 0 h 6857146"/>
              <a:gd name="connsiteX4" fmla="*/ 162784 w 9554268"/>
              <a:gd name="connsiteY4" fmla="*/ 6740778 h 6857146"/>
              <a:gd name="connsiteX5" fmla="*/ 162784 w 9554268"/>
              <a:gd name="connsiteY5" fmla="*/ 6857147 h 6857146"/>
              <a:gd name="connsiteX6" fmla="*/ 162784 w 9554268"/>
              <a:gd name="connsiteY6" fmla="*/ 116369 h 6857146"/>
              <a:gd name="connsiteX7" fmla="*/ 162784 w 9554268"/>
              <a:gd name="connsiteY7" fmla="*/ 0 h 6857146"/>
              <a:gd name="connsiteX8" fmla="*/ 9437994 w 9554268"/>
              <a:gd name="connsiteY8" fmla="*/ 6694231 h 6857146"/>
              <a:gd name="connsiteX9" fmla="*/ 9554268 w 9554268"/>
              <a:gd name="connsiteY9" fmla="*/ 6694231 h 6857146"/>
              <a:gd name="connsiteX10" fmla="*/ 116274 w 9554268"/>
              <a:gd name="connsiteY10" fmla="*/ 6694231 h 6857146"/>
              <a:gd name="connsiteX11" fmla="*/ 0 w 9554268"/>
              <a:gd name="connsiteY11" fmla="*/ 6694231 h 6857146"/>
              <a:gd name="connsiteX12" fmla="*/ 9437994 w 9554268"/>
              <a:gd name="connsiteY12" fmla="*/ 162916 h 6857146"/>
              <a:gd name="connsiteX13" fmla="*/ 9554268 w 9554268"/>
              <a:gd name="connsiteY13" fmla="*/ 162916 h 6857146"/>
              <a:gd name="connsiteX14" fmla="*/ 116274 w 9554268"/>
              <a:gd name="connsiteY14" fmla="*/ 162916 h 6857146"/>
              <a:gd name="connsiteX15" fmla="*/ 0 w 9554268"/>
              <a:gd name="connsiteY15" fmla="*/ 162916 h 68571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9554268" h="6857146">
                <a:moveTo>
                  <a:pt x="9391484" y="6740778"/>
                </a:moveTo>
                <a:lnTo>
                  <a:pt x="9391484" y="6857147"/>
                </a:lnTo>
                <a:moveTo>
                  <a:pt x="9391484" y="116369"/>
                </a:moveTo>
                <a:lnTo>
                  <a:pt x="9391484" y="0"/>
                </a:lnTo>
                <a:moveTo>
                  <a:pt x="162784" y="6740778"/>
                </a:moveTo>
                <a:lnTo>
                  <a:pt x="162784" y="6857147"/>
                </a:lnTo>
                <a:moveTo>
                  <a:pt x="162784" y="116369"/>
                </a:moveTo>
                <a:lnTo>
                  <a:pt x="162784" y="0"/>
                </a:lnTo>
                <a:moveTo>
                  <a:pt x="9437994" y="6694231"/>
                </a:moveTo>
                <a:lnTo>
                  <a:pt x="9554268" y="6694231"/>
                </a:lnTo>
                <a:moveTo>
                  <a:pt x="116274" y="6694231"/>
                </a:moveTo>
                <a:lnTo>
                  <a:pt x="0" y="6694231"/>
                </a:lnTo>
                <a:moveTo>
                  <a:pt x="9437994" y="162916"/>
                </a:moveTo>
                <a:lnTo>
                  <a:pt x="9554268" y="162916"/>
                </a:lnTo>
                <a:moveTo>
                  <a:pt x="116274" y="162916"/>
                </a:moveTo>
                <a:lnTo>
                  <a:pt x="0" y="162916"/>
                </a:lnTo>
              </a:path>
            </a:pathLst>
          </a:custGeom>
          <a:noFill/>
          <a:ln w="9685" cap="flat">
            <a:solidFill>
              <a:srgbClr val="FFFFFF"/>
            </a:solidFill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86E6BA3F-5049-B865-D126-3859E77ABBE2}"/>
              </a:ext>
            </a:extLst>
          </p:cNvPr>
          <p:cNvSpPr txBox="1"/>
          <p:nvPr/>
        </p:nvSpPr>
        <p:spPr>
          <a:xfrm>
            <a:off x="38741683" y="29243966"/>
            <a:ext cx="3357321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400" b="0" i="1" dirty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Lyon Display Web"/>
              </a:rPr>
              <a:t>Print: Grafisk Center, SDU</a:t>
            </a:r>
            <a:endParaRPr lang="da-DK" sz="24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638913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A0 Yearbook Poster" id="{AD362102-6304-8C47-9BBC-24215CC94181}" vid="{95287F22-178F-4D40-81C2-561F9B604B95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31F0C5556AE5F48AF2A2B637A068643" ma:contentTypeVersion="13" ma:contentTypeDescription="Opret et nyt dokument." ma:contentTypeScope="" ma:versionID="2e995ce4cd305f626da8383f39a59a2d">
  <xsd:schema xmlns:xsd="http://www.w3.org/2001/XMLSchema" xmlns:xs="http://www.w3.org/2001/XMLSchema" xmlns:p="http://schemas.microsoft.com/office/2006/metadata/properties" xmlns:ns2="8e5cd3e1-c7e1-4635-ade6-3f9346b21498" xmlns:ns3="5e0ad43a-6956-4125-8546-caf100e05b47" targetNamespace="http://schemas.microsoft.com/office/2006/metadata/properties" ma:root="true" ma:fieldsID="573781124dc9c2b58eaf067360b155a9" ns2:_="" ns3:_="">
    <xsd:import namespace="8e5cd3e1-c7e1-4635-ade6-3f9346b21498"/>
    <xsd:import namespace="5e0ad43a-6956-4125-8546-caf100e05b4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e5cd3e1-c7e1-4635-ade6-3f9346b2149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0ad43a-6956-4125-8546-caf100e05b47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b1255e-1f16-421a-9425-80a476612450}" ma:internalName="TaxCatchAll" ma:showField="CatchAllData" ma:web="5e0ad43a-6956-4125-8546-caf100e05b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TemplateConfiguration><![CDATA[{"slideVersion":1,"isValidatorEnabled":false,"isLocked":false,"elementsMetadata":[],"slideId":"638174861833761923","enableDocumentContentUpdater":false,"version":"2.0"}]]></TemplafySlide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type":"shape","id":"e9ec65ea-2e3e-4953-8dd8-b45a9487788a","elementConfiguration":{"binding":"{{UserProfile.Institut.Institute}}","visibility":"","type":"text","disableUpdates":false}}],"transformationConfigurations":[],"templateName":"A0 Yearbook Wheel Poster","templateDescription":"Plan your activities or goals over the year","enableDocumentContentUpdater":tru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0ad43a-6956-4125-8546-caf100e05b47" xsi:nil="true"/>
    <lcf76f155ced4ddcb4097134ff3c332f xmlns="8e5cd3e1-c7e1-4635-ade6-3f9346b21498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929AAD66-EBA9-407B-A87C-9E7FED6D2DA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e5cd3e1-c7e1-4635-ade6-3f9346b21498"/>
    <ds:schemaRef ds:uri="5e0ad43a-6956-4125-8546-caf100e05b4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34633E31-69B2-4F55-88DB-B357BF1C4120}">
  <ds:schemaRefs/>
</ds:datastoreItem>
</file>

<file path=customXml/itemProps3.xml><?xml version="1.0" encoding="utf-8"?>
<ds:datastoreItem xmlns:ds="http://schemas.openxmlformats.org/officeDocument/2006/customXml" ds:itemID="{ACC36E9D-0F2E-485D-80FE-83E5429FEC5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BE2E1765-E0E5-492A-85B6-14859AEDC00F}">
  <ds:schemaRefs/>
</ds:datastoreItem>
</file>

<file path=customXml/itemProps5.xml><?xml version="1.0" encoding="utf-8"?>
<ds:datastoreItem xmlns:ds="http://schemas.openxmlformats.org/officeDocument/2006/customXml" ds:itemID="{4814C24E-70A4-48B9-AC3C-DE4013395C35}">
  <ds:schemaRefs/>
</ds:datastoreItem>
</file>

<file path=customXml/itemProps6.xml><?xml version="1.0" encoding="utf-8"?>
<ds:datastoreItem xmlns:ds="http://schemas.openxmlformats.org/officeDocument/2006/customXml" ds:itemID="{5214722C-43BE-406F-BDA5-BB3C36558BBF}">
  <ds:schemaRefs/>
</ds:datastoreItem>
</file>

<file path=customXml/itemProps7.xml><?xml version="1.0" encoding="utf-8"?>
<ds:datastoreItem xmlns:ds="http://schemas.openxmlformats.org/officeDocument/2006/customXml" ds:itemID="{EE05BD53-50C2-4764-A9A4-81CEB7754728}">
  <ds:schemaRefs>
    <ds:schemaRef ds:uri="http://www.w3.org/XML/1998/namespace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purl.org/dc/terms/"/>
    <ds:schemaRef ds:uri="fecd47c6-f99c-4e67-b20f-8e6bccd3d9cf"/>
    <ds:schemaRef ds:uri="http://schemas.openxmlformats.org/package/2006/metadata/core-properties"/>
    <ds:schemaRef ds:uri="4ce034c3-338c-4a8f-9cae-7e5cca226d09"/>
    <ds:schemaRef ds:uri="http://schemas.microsoft.com/office/2006/metadata/properties"/>
    <ds:schemaRef ds:uri="http://purl.org/dc/dcmitype/"/>
    <ds:schemaRef ds:uri="5e0ad43a-6956-4125-8546-caf100e05b47"/>
    <ds:schemaRef ds:uri="8e5cd3e1-c7e1-4635-ade6-3f9346b21498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3</Words>
  <Application>Microsoft Macintosh PowerPoint</Application>
  <PresentationFormat>Brugerdefineret</PresentationFormat>
  <Paragraphs>14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rial</vt:lpstr>
      <vt:lpstr>Lyon Display Web</vt:lpstr>
      <vt:lpstr>Times New Roman</vt:lpstr>
      <vt:lpstr>Blank</vt:lpstr>
      <vt:lpstr>Sprintpla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1-22T15:45:47Z</dcterms:created>
  <dcterms:modified xsi:type="dcterms:W3CDTF">2025-11-11T08:09:1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23-04-19T07:29:43</vt:lpwstr>
  </property>
  <property fmtid="{D5CDD505-2E9C-101B-9397-08002B2CF9AE}" pid="4" name="ContentTypeId">
    <vt:lpwstr>0x010100831F0C5556AE5F48AF2A2B637A068643</vt:lpwstr>
  </property>
  <property fmtid="{D5CDD505-2E9C-101B-9397-08002B2CF9AE}" pid="5" name="MediaServiceImageTags">
    <vt:lpwstr/>
  </property>
  <property fmtid="{D5CDD505-2E9C-101B-9397-08002B2CF9AE}" pid="6" name="TemplafyTenantId">
    <vt:lpwstr>sdu</vt:lpwstr>
  </property>
  <property fmtid="{D5CDD505-2E9C-101B-9397-08002B2CF9AE}" pid="7" name="TemplafyTemplateId">
    <vt:lpwstr>638173227111586181</vt:lpwstr>
  </property>
  <property fmtid="{D5CDD505-2E9C-101B-9397-08002B2CF9AE}" pid="8" name="TemplafyUserProfileId">
    <vt:lpwstr>637830435346580110</vt:lpwstr>
  </property>
  <property fmtid="{D5CDD505-2E9C-101B-9397-08002B2CF9AE}" pid="9" name="TemplafyLanguageCode">
    <vt:lpwstr>da-DK</vt:lpwstr>
  </property>
  <property fmtid="{D5CDD505-2E9C-101B-9397-08002B2CF9AE}" pid="10" name="TemplafyFromBlank">
    <vt:bool>false</vt:bool>
  </property>
</Properties>
</file>